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88"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5593" autoAdjust="0"/>
  </p:normalViewPr>
  <p:slideViewPr>
    <p:cSldViewPr snapToGrid="0">
      <p:cViewPr>
        <p:scale>
          <a:sx n="66" d="100"/>
          <a:sy n="66" d="100"/>
        </p:scale>
        <p:origin x="2328" y="624"/>
      </p:cViewPr>
      <p:guideLst>
        <p:guide orient="horz" pos="346"/>
        <p:guide pos="7469"/>
        <p:guide orient="horz" pos="3816"/>
        <p:guide pos="688"/>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thoge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grafische vormgeving, Graphics&#10;&#10;Automatisch gegenereerde beschrijving">
            <a:extLst>
              <a:ext uri="{FF2B5EF4-FFF2-40B4-BE49-F238E27FC236}">
                <a16:creationId xmlns:a16="http://schemas.microsoft.com/office/drawing/2014/main" id="{D8444711-8F62-26A8-0D73-27AE82018B1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820" y="4565182"/>
            <a:ext cx="2406467" cy="205512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454558"/>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schermopname, grafische vormgeving, Graphics&#10;&#10;Automatisch gegenereerde beschrijving">
            <a:extLst>
              <a:ext uri="{FF2B5EF4-FFF2-40B4-BE49-F238E27FC236}">
                <a16:creationId xmlns:a16="http://schemas.microsoft.com/office/drawing/2014/main" id="{DF922CC7-708E-90D1-3F37-3AC28DC8798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3215" y="3849914"/>
            <a:ext cx="1726867" cy="147474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1-23T10:39:57Z</dcterms:modified>
</cp:coreProperties>
</file>